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191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41681\Desktop\"/>
    </mc:Choice>
  </mc:AlternateContent>
  <xr:revisionPtr revIDLastSave="0" documentId="10_ncr:100000_{B2307EAD-2FF3-4020-9F29-599685AA7E37}" xr6:coauthVersionLast="31" xr6:coauthVersionMax="31" xr10:uidLastSave="{00000000-0000-0000-0000-000000000000}"/>
  <bookViews>
    <workbookView xWindow="1980" yWindow="0" windowWidth="27810" windowHeight="12810" xr2:uid="{00000000-000D-0000-FFFF-FFFF00000000}"/>
  </bookViews>
  <sheets>
    <sheet name="Modules Change Log" sheetId="2" r:id="rId1"/>
    <sheet name="Rel 5.2 Modules Information" sheetId="4" r:id="rId2"/>
    <sheet name="Rel 5.1 Modules Information" sheetId="3" r:id="rId3"/>
    <sheet name="Rel 5.0 Modules Information" sheetId="1" r:id="rId4"/>
  </sheets>
  <calcPr calcId="17102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7" uniqueCount="84">
  <si>
    <t>Acquisition Modules</t>
  </si>
  <si>
    <t>Post-processing Modules</t>
  </si>
  <si>
    <t>Version</t>
  </si>
  <si>
    <t>mega328pb_runtime</t>
  </si>
  <si>
    <t>samd1x_acquisition_runtime</t>
  </si>
  <si>
    <t>tiny_81x_runtime</t>
  </si>
  <si>
    <t>mega324pb_acquisition_runtime</t>
  </si>
  <si>
    <t>samd20_acquisition_runtime</t>
  </si>
  <si>
    <t>tiny_161x_321x_runtime</t>
  </si>
  <si>
    <t>mega328pb autotune</t>
  </si>
  <si>
    <t>tiny_81x autotune</t>
  </si>
  <si>
    <t>samd1x_acquisition autotune</t>
  </si>
  <si>
    <t>mega324pb autotune</t>
  </si>
  <si>
    <t>tiny_161x_321x autotune</t>
  </si>
  <si>
    <t>samd20 autotune</t>
  </si>
  <si>
    <t>samd21_ha1_da1 autotune</t>
  </si>
  <si>
    <t>samc20_c21 autotune</t>
  </si>
  <si>
    <t>saml21 autotune</t>
  </si>
  <si>
    <t>saml22 autotune</t>
  </si>
  <si>
    <t>Module Id</t>
  </si>
  <si>
    <t>0x0001</t>
  </si>
  <si>
    <t>0x0003</t>
  </si>
  <si>
    <t>0x0007</t>
  </si>
  <si>
    <t>0x0008</t>
  </si>
  <si>
    <t>0x0017</t>
  </si>
  <si>
    <t>0x0018</t>
  </si>
  <si>
    <t>same5x_samd5x_acquisition</t>
  </si>
  <si>
    <t>0x0028</t>
  </si>
  <si>
    <t>0x0026</t>
  </si>
  <si>
    <t>0x0024</t>
  </si>
  <si>
    <t>Surface - Single contact</t>
  </si>
  <si>
    <t>Gestures</t>
  </si>
  <si>
    <t>0x0021</t>
  </si>
  <si>
    <t>0x0023</t>
  </si>
  <si>
    <t>Surface - Dual contact indication</t>
  </si>
  <si>
    <t>0x0025</t>
  </si>
  <si>
    <t>0x0020</t>
  </si>
  <si>
    <t>0x0002</t>
  </si>
  <si>
    <t>0x0006</t>
  </si>
  <si>
    <t>0x0005</t>
  </si>
  <si>
    <t>0x0004</t>
  </si>
  <si>
    <t>0x0009</t>
  </si>
  <si>
    <t>0x000A</t>
  </si>
  <si>
    <t>0x000C</t>
  </si>
  <si>
    <t>0x0011</t>
  </si>
  <si>
    <t>0x000E</t>
  </si>
  <si>
    <t>0x0012</t>
  </si>
  <si>
    <t>0x000F</t>
  </si>
  <si>
    <t>0x000B</t>
  </si>
  <si>
    <t>Scroller</t>
  </si>
  <si>
    <t xml:space="preserve">Keys </t>
  </si>
  <si>
    <t>Frequency Hop Autotune</t>
  </si>
  <si>
    <t>Binding Layer</t>
  </si>
  <si>
    <t xml:space="preserve">Frequency Hop </t>
  </si>
  <si>
    <r>
      <rPr>
        <b/>
        <sz val="11"/>
        <color theme="1"/>
        <rFont val="Calibri"/>
        <family val="2"/>
        <scheme val="minor"/>
      </rPr>
      <t>Module Firmware version:</t>
    </r>
    <r>
      <rPr>
        <sz val="11"/>
        <color theme="1"/>
        <rFont val="Calibri"/>
        <family val="2"/>
        <scheme val="minor"/>
      </rPr>
      <t xml:space="preserve">
 - Upper nibble = major version (API Spec Change )
- Lower nibble = minor version (Bug Fixes) </t>
    </r>
  </si>
  <si>
    <t>Detailed Change History Comments</t>
  </si>
  <si>
    <t>Module Version</t>
  </si>
  <si>
    <t>START
 Release Version</t>
  </si>
  <si>
    <t>Release Build</t>
  </si>
  <si>
    <t>Bugfix: PTC EOC Flag - GCC Optimization</t>
  </si>
  <si>
    <t>Bugfix: NODE_CAL_ERROR</t>
  </si>
  <si>
    <t>Rebuild for toolchain compatibility (wchar 32)</t>
  </si>
  <si>
    <t>Bugfix: Autoscan implementation</t>
  </si>
  <si>
    <t>Bugfix: Number of sensors</t>
  </si>
  <si>
    <t>Bugfix: PTC_Deinit</t>
  </si>
  <si>
    <t>Bugfix: PTC_Interrupt_Priority location</t>
  </si>
  <si>
    <t>GIT Repo corrupted</t>
  </si>
  <si>
    <t>Current measure channel made Global</t>
  </si>
  <si>
    <t>Bugfixes</t>
  </si>
  <si>
    <t>Reburst immedietely after signal change</t>
  </si>
  <si>
    <t>Bugfix: Error passthrough</t>
  </si>
  <si>
    <t>Bugfix: Reburst handling</t>
  </si>
  <si>
    <t>Improved reburst handling</t>
  </si>
  <si>
    <t>4.0 &amp; 5.0</t>
  </si>
  <si>
    <t xml:space="preserve">               0.D</t>
  </si>
  <si>
    <t>Note-1:</t>
  </si>
  <si>
    <t>Note-2:</t>
  </si>
  <si>
    <t>If there are no updates in the module, then the START
 Release Version is not updated.</t>
  </si>
  <si>
    <t>Driven shield APIs added</t>
  </si>
  <si>
    <t>Some of the modules having only minor version in previos release 4.0  are updated with 1.0 as Build version  in 5.0 START Release.This is added to align the versioning numbers.</t>
  </si>
  <si>
    <t>Release Build(No Change as compared to Previous
 version, please refer Note-1 below)</t>
  </si>
  <si>
    <t>saml10_l11 autotune</t>
  </si>
  <si>
    <t>0x0027</t>
  </si>
  <si>
    <t>Release Build(Bugfix:Minimum CSD = 4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;[Red]0.0"/>
    <numFmt numFmtId="165" formatCode="0.0"/>
  </numFmts>
  <fonts count="4" x14ac:knownFonts="1">
    <font>
      <sz val="11"/>
      <color theme="1"/>
      <name val="Calibri"/>
      <family val="2"/>
      <scheme val="minor"/>
    </font>
    <font>
      <sz val="11"/>
      <color rgb="FF9C5700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EB9C"/>
      </patternFill>
    </fill>
  </fills>
  <borders count="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1" fillId="2" borderId="0" applyNumberFormat="0" applyBorder="0" applyAlignment="0" applyProtection="0"/>
  </cellStyleXfs>
  <cellXfs count="31">
    <xf numFmtId="0" fontId="0" fillId="0" borderId="0" xfId="0"/>
    <xf numFmtId="0" fontId="0" fillId="0" borderId="1" xfId="0" applyBorder="1"/>
    <xf numFmtId="0" fontId="0" fillId="0" borderId="0" xfId="0" applyAlignment="1">
      <alignment wrapText="1"/>
    </xf>
    <xf numFmtId="0" fontId="0" fillId="0" borderId="0" xfId="0" applyAlignment="1">
      <alignment horizontal="center" wrapText="1"/>
    </xf>
    <xf numFmtId="0" fontId="0" fillId="0" borderId="0" xfId="0" applyAlignment="1">
      <alignment horizontal="center"/>
    </xf>
    <xf numFmtId="0" fontId="0" fillId="0" borderId="1" xfId="0" applyBorder="1" applyAlignment="1">
      <alignment horizontal="center"/>
    </xf>
    <xf numFmtId="164" fontId="1" fillId="2" borderId="1" xfId="1" applyNumberFormat="1" applyBorder="1" applyAlignment="1">
      <alignment horizontal="center"/>
    </xf>
    <xf numFmtId="165" fontId="0" fillId="0" borderId="0" xfId="0" applyNumberFormat="1" applyAlignment="1">
      <alignment horizontal="center"/>
    </xf>
    <xf numFmtId="165" fontId="1" fillId="2" borderId="2" xfId="1" applyNumberFormat="1" applyBorder="1" applyAlignment="1">
      <alignment horizontal="center"/>
    </xf>
    <xf numFmtId="165" fontId="1" fillId="2" borderId="1" xfId="1" applyNumberFormat="1" applyBorder="1" applyAlignment="1">
      <alignment horizontal="center"/>
    </xf>
    <xf numFmtId="165" fontId="0" fillId="0" borderId="1" xfId="0" applyNumberForma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2" fillId="0" borderId="4" xfId="0" applyFont="1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2" xfId="0" applyBorder="1" applyAlignment="1">
      <alignment horizontal="left"/>
    </xf>
    <xf numFmtId="0" fontId="0" fillId="0" borderId="1" xfId="0" applyBorder="1" applyAlignment="1">
      <alignment horizontal="left"/>
    </xf>
    <xf numFmtId="165" fontId="0" fillId="0" borderId="0" xfId="0" applyNumberFormat="1"/>
    <xf numFmtId="165" fontId="0" fillId="0" borderId="1" xfId="0" applyNumberFormat="1" applyBorder="1"/>
    <xf numFmtId="164" fontId="0" fillId="0" borderId="0" xfId="0" applyNumberFormat="1" applyAlignment="1">
      <alignment horizontal="center" wrapText="1"/>
    </xf>
    <xf numFmtId="164" fontId="2" fillId="0" borderId="4" xfId="0" applyNumberFormat="1" applyFont="1" applyBorder="1" applyAlignment="1">
      <alignment horizontal="center" wrapText="1"/>
    </xf>
    <xf numFmtId="164" fontId="1" fillId="2" borderId="1" xfId="1" applyNumberFormat="1" applyBorder="1" applyAlignment="1">
      <alignment horizontal="center" wrapText="1"/>
    </xf>
    <xf numFmtId="164" fontId="0" fillId="0" borderId="1" xfId="0" applyNumberFormat="1" applyBorder="1" applyAlignment="1">
      <alignment horizontal="center" wrapText="1"/>
    </xf>
    <xf numFmtId="0" fontId="0" fillId="0" borderId="1" xfId="0" applyFill="1" applyBorder="1"/>
    <xf numFmtId="0" fontId="0" fillId="0" borderId="0" xfId="0" applyFill="1"/>
    <xf numFmtId="165" fontId="0" fillId="0" borderId="1" xfId="0" applyNumberFormat="1" applyFill="1" applyBorder="1"/>
    <xf numFmtId="165" fontId="0" fillId="0" borderId="0" xfId="0" applyNumberFormat="1" applyFill="1"/>
    <xf numFmtId="0" fontId="2" fillId="0" borderId="1" xfId="0" applyFont="1" applyBorder="1" applyAlignment="1">
      <alignment horizontal="center"/>
    </xf>
    <xf numFmtId="0" fontId="2" fillId="0" borderId="1" xfId="0" applyFont="1" applyFill="1" applyBorder="1" applyAlignment="1">
      <alignment horizontal="center"/>
    </xf>
    <xf numFmtId="0" fontId="2" fillId="0" borderId="1" xfId="0" applyFont="1" applyBorder="1" applyAlignment="1">
      <alignment horizontal="center" wrapText="1"/>
    </xf>
    <xf numFmtId="0" fontId="0" fillId="0" borderId="1" xfId="0" applyBorder="1" applyAlignment="1">
      <alignment wrapText="1"/>
    </xf>
    <xf numFmtId="0" fontId="0" fillId="0" borderId="1" xfId="0" applyFill="1" applyBorder="1" applyAlignment="1">
      <alignment wrapText="1"/>
    </xf>
  </cellXfs>
  <cellStyles count="2">
    <cellStyle name="Neutral" xfId="1" builtinId="2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84"/>
  <sheetViews>
    <sheetView tabSelected="1" topLeftCell="A61" workbookViewId="0">
      <selection activeCell="D83" sqref="D83"/>
    </sheetView>
  </sheetViews>
  <sheetFormatPr defaultRowHeight="15" x14ac:dyDescent="0.25"/>
  <cols>
    <col min="2" max="2" width="30.7109375" bestFit="1" customWidth="1"/>
    <col min="3" max="3" width="12.85546875" bestFit="1" customWidth="1"/>
    <col min="4" max="4" width="10" style="25" bestFit="1" customWidth="1"/>
    <col min="5" max="5" width="10.85546875" style="16" bestFit="1" customWidth="1"/>
    <col min="6" max="6" width="42.5703125" style="23" bestFit="1" customWidth="1"/>
    <col min="7" max="7" width="30.5703125" bestFit="1" customWidth="1"/>
    <col min="8" max="8" width="12.85546875" bestFit="1" customWidth="1"/>
    <col min="9" max="9" width="10" style="25" bestFit="1" customWidth="1"/>
    <col min="10" max="10" width="10.85546875" style="16" bestFit="1" customWidth="1"/>
    <col min="11" max="11" width="42.5703125" style="23" bestFit="1" customWidth="1"/>
  </cols>
  <sheetData>
    <row r="1" spans="2:11" ht="56.25" x14ac:dyDescent="0.3">
      <c r="B1" s="26" t="s">
        <v>0</v>
      </c>
      <c r="C1" s="26" t="s">
        <v>19</v>
      </c>
      <c r="D1" s="27" t="s">
        <v>2</v>
      </c>
      <c r="E1" s="28" t="s">
        <v>57</v>
      </c>
      <c r="F1" s="27" t="s">
        <v>55</v>
      </c>
      <c r="G1" s="26" t="s">
        <v>1</v>
      </c>
      <c r="H1" s="26" t="s">
        <v>19</v>
      </c>
      <c r="I1" s="27" t="s">
        <v>2</v>
      </c>
      <c r="J1" s="28" t="s">
        <v>57</v>
      </c>
      <c r="K1" s="27" t="s">
        <v>55</v>
      </c>
    </row>
    <row r="2" spans="2:11" x14ac:dyDescent="0.25">
      <c r="B2" s="15" t="s">
        <v>9</v>
      </c>
      <c r="C2" s="5" t="s">
        <v>20</v>
      </c>
      <c r="D2" s="24">
        <v>1</v>
      </c>
      <c r="E2" s="17"/>
      <c r="F2" s="22" t="s">
        <v>58</v>
      </c>
      <c r="G2" s="1" t="s">
        <v>50</v>
      </c>
      <c r="H2" s="1" t="s">
        <v>37</v>
      </c>
      <c r="I2" s="24">
        <v>1</v>
      </c>
      <c r="J2" s="17"/>
      <c r="K2" s="22" t="s">
        <v>58</v>
      </c>
    </row>
    <row r="3" spans="2:11" x14ac:dyDescent="0.25">
      <c r="B3" s="15"/>
      <c r="C3" s="5"/>
      <c r="D3" s="24">
        <v>1.1000000000000001</v>
      </c>
      <c r="E3" s="17"/>
      <c r="F3" s="22" t="s">
        <v>59</v>
      </c>
      <c r="G3" s="1"/>
      <c r="H3" s="1"/>
      <c r="I3" s="24">
        <v>1.1000000000000001</v>
      </c>
      <c r="J3" s="17"/>
      <c r="K3" s="22" t="s">
        <v>68</v>
      </c>
    </row>
    <row r="4" spans="2:11" x14ac:dyDescent="0.25">
      <c r="B4" s="15"/>
      <c r="C4" s="5"/>
      <c r="D4" s="24">
        <v>1.2</v>
      </c>
      <c r="E4" s="17"/>
      <c r="F4" s="22" t="s">
        <v>60</v>
      </c>
      <c r="G4" s="1"/>
      <c r="H4" s="1"/>
      <c r="I4" s="24">
        <v>1.2</v>
      </c>
      <c r="J4" s="17"/>
      <c r="K4" s="22" t="s">
        <v>69</v>
      </c>
    </row>
    <row r="5" spans="2:11" x14ac:dyDescent="0.25">
      <c r="B5" s="15"/>
      <c r="C5" s="5"/>
      <c r="D5" s="24">
        <v>1.3</v>
      </c>
      <c r="E5" s="17">
        <v>4</v>
      </c>
      <c r="F5" s="22" t="s">
        <v>61</v>
      </c>
      <c r="G5" s="1"/>
      <c r="H5" s="1"/>
      <c r="I5" s="24">
        <v>1.3</v>
      </c>
      <c r="J5" s="17" t="s">
        <v>73</v>
      </c>
      <c r="K5" s="22" t="s">
        <v>61</v>
      </c>
    </row>
    <row r="6" spans="2:11" x14ac:dyDescent="0.25">
      <c r="B6" s="15" t="s">
        <v>3</v>
      </c>
      <c r="C6" s="5" t="s">
        <v>21</v>
      </c>
      <c r="D6" s="24">
        <v>1</v>
      </c>
      <c r="E6" s="17"/>
      <c r="F6" s="22" t="s">
        <v>58</v>
      </c>
      <c r="G6" s="1" t="s">
        <v>51</v>
      </c>
      <c r="H6" s="1" t="s">
        <v>40</v>
      </c>
      <c r="I6" s="24">
        <v>1</v>
      </c>
      <c r="J6" s="17"/>
      <c r="K6" s="22" t="s">
        <v>58</v>
      </c>
    </row>
    <row r="7" spans="2:11" x14ac:dyDescent="0.25">
      <c r="B7" s="15"/>
      <c r="C7" s="5"/>
      <c r="D7" s="24">
        <v>1.1000000000000001</v>
      </c>
      <c r="E7" s="17"/>
      <c r="F7" s="22" t="s">
        <v>59</v>
      </c>
      <c r="G7" s="1"/>
      <c r="H7" s="1"/>
      <c r="I7" s="24">
        <v>1.1000000000000001</v>
      </c>
      <c r="J7" s="17" t="s">
        <v>73</v>
      </c>
      <c r="K7" s="22" t="s">
        <v>61</v>
      </c>
    </row>
    <row r="8" spans="2:11" x14ac:dyDescent="0.25">
      <c r="B8" s="15"/>
      <c r="C8" s="5"/>
      <c r="D8" s="24">
        <v>1.2</v>
      </c>
      <c r="E8" s="17"/>
      <c r="F8" s="22" t="s">
        <v>60</v>
      </c>
      <c r="G8" s="1"/>
      <c r="H8" s="1"/>
      <c r="I8" s="24"/>
      <c r="J8" s="17"/>
      <c r="K8" s="22"/>
    </row>
    <row r="9" spans="2:11" x14ac:dyDescent="0.25">
      <c r="B9" s="15"/>
      <c r="C9" s="5"/>
      <c r="D9" s="24">
        <v>1.3</v>
      </c>
      <c r="E9" s="17" t="s">
        <v>73</v>
      </c>
      <c r="F9" s="22" t="s">
        <v>61</v>
      </c>
      <c r="G9" s="1"/>
      <c r="H9" s="1"/>
      <c r="I9" s="24"/>
      <c r="J9" s="17"/>
      <c r="K9" s="22"/>
    </row>
    <row r="10" spans="2:11" x14ac:dyDescent="0.25">
      <c r="B10" s="15" t="s">
        <v>10</v>
      </c>
      <c r="C10" s="5" t="s">
        <v>22</v>
      </c>
      <c r="D10" s="24">
        <v>1</v>
      </c>
      <c r="E10" s="17"/>
      <c r="F10" s="22" t="s">
        <v>58</v>
      </c>
      <c r="G10" s="1" t="s">
        <v>53</v>
      </c>
      <c r="H10" s="1" t="s">
        <v>38</v>
      </c>
      <c r="I10" s="24">
        <v>0.4</v>
      </c>
      <c r="J10" s="17">
        <v>4</v>
      </c>
      <c r="K10" s="22" t="s">
        <v>58</v>
      </c>
    </row>
    <row r="11" spans="2:11" ht="45" x14ac:dyDescent="0.25">
      <c r="B11" s="15"/>
      <c r="C11" s="5"/>
      <c r="D11" s="24">
        <v>1.1000000000000001</v>
      </c>
      <c r="E11" s="17"/>
      <c r="F11" s="22" t="s">
        <v>60</v>
      </c>
      <c r="G11" s="1"/>
      <c r="H11" s="1"/>
      <c r="I11" s="24">
        <v>1</v>
      </c>
      <c r="J11" s="17">
        <v>5</v>
      </c>
      <c r="K11" s="30" t="s">
        <v>80</v>
      </c>
    </row>
    <row r="12" spans="2:11" x14ac:dyDescent="0.25">
      <c r="B12" s="15"/>
      <c r="C12" s="5"/>
      <c r="D12" s="24">
        <v>1.2</v>
      </c>
      <c r="E12" s="17" t="s">
        <v>73</v>
      </c>
      <c r="F12" s="22" t="s">
        <v>61</v>
      </c>
      <c r="G12" s="1"/>
      <c r="H12" s="1"/>
      <c r="I12" s="24"/>
      <c r="J12" s="17"/>
      <c r="K12" s="22"/>
    </row>
    <row r="13" spans="2:11" x14ac:dyDescent="0.25">
      <c r="B13" s="15" t="s">
        <v>5</v>
      </c>
      <c r="C13" s="5" t="s">
        <v>23</v>
      </c>
      <c r="D13" s="24">
        <v>1</v>
      </c>
      <c r="E13" s="17"/>
      <c r="F13" s="22" t="s">
        <v>58</v>
      </c>
      <c r="G13" s="1" t="s">
        <v>49</v>
      </c>
      <c r="H13" s="1" t="s">
        <v>48</v>
      </c>
      <c r="I13" s="24" t="s">
        <v>74</v>
      </c>
      <c r="J13" s="17">
        <v>4</v>
      </c>
      <c r="K13" s="22" t="s">
        <v>58</v>
      </c>
    </row>
    <row r="14" spans="2:11" ht="45" x14ac:dyDescent="0.25">
      <c r="B14" s="15"/>
      <c r="C14" s="5"/>
      <c r="D14" s="24">
        <v>1.1000000000000001</v>
      </c>
      <c r="E14" s="17"/>
      <c r="F14" s="22" t="s">
        <v>60</v>
      </c>
      <c r="G14" s="1"/>
      <c r="H14" s="1"/>
      <c r="I14" s="24">
        <v>1</v>
      </c>
      <c r="J14" s="17">
        <v>5</v>
      </c>
      <c r="K14" s="30" t="s">
        <v>80</v>
      </c>
    </row>
    <row r="15" spans="2:11" x14ac:dyDescent="0.25">
      <c r="B15" s="15"/>
      <c r="C15" s="5"/>
      <c r="D15" s="24">
        <v>1.2</v>
      </c>
      <c r="E15" s="17" t="s">
        <v>73</v>
      </c>
      <c r="F15" s="22" t="s">
        <v>61</v>
      </c>
      <c r="G15" s="1"/>
      <c r="H15" s="1"/>
      <c r="I15" s="24"/>
      <c r="J15" s="17"/>
      <c r="K15" s="22"/>
    </row>
    <row r="16" spans="2:11" x14ac:dyDescent="0.25">
      <c r="B16" s="15" t="s">
        <v>11</v>
      </c>
      <c r="C16" s="5" t="s">
        <v>41</v>
      </c>
      <c r="D16" s="24">
        <v>1</v>
      </c>
      <c r="E16" s="17"/>
      <c r="F16" s="22" t="s">
        <v>58</v>
      </c>
      <c r="G16" s="1" t="s">
        <v>52</v>
      </c>
      <c r="H16" s="1" t="s">
        <v>39</v>
      </c>
      <c r="I16" s="24">
        <v>1</v>
      </c>
      <c r="J16" s="17"/>
      <c r="K16" s="22" t="s">
        <v>58</v>
      </c>
    </row>
    <row r="17" spans="2:11" x14ac:dyDescent="0.25">
      <c r="B17" s="15"/>
      <c r="C17" s="5"/>
      <c r="D17" s="24">
        <v>1.1000000000000001</v>
      </c>
      <c r="E17" s="17"/>
      <c r="F17" s="22" t="s">
        <v>60</v>
      </c>
      <c r="G17" s="1"/>
      <c r="H17" s="1"/>
      <c r="I17" s="24">
        <v>1.1000000000000001</v>
      </c>
      <c r="J17" s="17"/>
      <c r="K17" s="22" t="s">
        <v>70</v>
      </c>
    </row>
    <row r="18" spans="2:11" x14ac:dyDescent="0.25">
      <c r="B18" s="15"/>
      <c r="C18" s="5"/>
      <c r="D18" s="24">
        <v>1.2</v>
      </c>
      <c r="E18" s="17"/>
      <c r="F18" s="22" t="s">
        <v>62</v>
      </c>
      <c r="G18" s="1"/>
      <c r="H18" s="1"/>
      <c r="I18" s="24">
        <v>1.2</v>
      </c>
      <c r="J18" s="17"/>
      <c r="K18" s="22" t="s">
        <v>71</v>
      </c>
    </row>
    <row r="19" spans="2:11" x14ac:dyDescent="0.25">
      <c r="B19" s="15"/>
      <c r="C19" s="5"/>
      <c r="D19" s="24">
        <v>1.3</v>
      </c>
      <c r="E19" s="17"/>
      <c r="F19" s="22" t="s">
        <v>63</v>
      </c>
      <c r="G19" s="1"/>
      <c r="H19" s="1"/>
      <c r="I19" s="24">
        <v>1.3</v>
      </c>
      <c r="J19" s="17"/>
      <c r="K19" s="22" t="s">
        <v>72</v>
      </c>
    </row>
    <row r="20" spans="2:11" x14ac:dyDescent="0.25">
      <c r="B20" s="15"/>
      <c r="C20" s="5"/>
      <c r="D20" s="24">
        <v>1.4</v>
      </c>
      <c r="E20" s="17"/>
      <c r="F20" s="22" t="s">
        <v>64</v>
      </c>
      <c r="G20" s="1"/>
      <c r="H20" s="1"/>
      <c r="I20" s="24">
        <v>1.4</v>
      </c>
      <c r="J20" s="17" t="s">
        <v>73</v>
      </c>
      <c r="K20" s="22" t="s">
        <v>61</v>
      </c>
    </row>
    <row r="21" spans="2:11" x14ac:dyDescent="0.25">
      <c r="B21" s="15"/>
      <c r="C21" s="5"/>
      <c r="D21" s="24">
        <v>1.5</v>
      </c>
      <c r="E21" s="17"/>
      <c r="F21" s="22" t="s">
        <v>65</v>
      </c>
      <c r="G21" s="1"/>
      <c r="H21" s="1"/>
      <c r="I21" s="24"/>
      <c r="J21" s="17"/>
      <c r="K21" s="22"/>
    </row>
    <row r="22" spans="2:11" x14ac:dyDescent="0.25">
      <c r="B22" s="15"/>
      <c r="C22" s="5"/>
      <c r="D22" s="24">
        <v>1.6</v>
      </c>
      <c r="E22" s="17" t="s">
        <v>73</v>
      </c>
      <c r="F22" s="22" t="s">
        <v>61</v>
      </c>
      <c r="G22" s="1"/>
      <c r="H22" s="1"/>
      <c r="I22" s="24"/>
      <c r="J22" s="17"/>
      <c r="K22" s="22"/>
    </row>
    <row r="23" spans="2:11" x14ac:dyDescent="0.25">
      <c r="B23" s="15" t="s">
        <v>4</v>
      </c>
      <c r="C23" s="5" t="s">
        <v>42</v>
      </c>
      <c r="D23" s="24">
        <v>1</v>
      </c>
      <c r="E23" s="17"/>
      <c r="F23" s="22" t="s">
        <v>58</v>
      </c>
      <c r="G23" s="1" t="s">
        <v>30</v>
      </c>
      <c r="H23" s="1" t="s">
        <v>32</v>
      </c>
      <c r="I23" s="24">
        <v>1</v>
      </c>
      <c r="J23" s="17">
        <v>5</v>
      </c>
      <c r="K23" s="22" t="s">
        <v>58</v>
      </c>
    </row>
    <row r="24" spans="2:11" x14ac:dyDescent="0.25">
      <c r="B24" s="15"/>
      <c r="C24" s="5"/>
      <c r="D24" s="24">
        <v>1.1000000000000001</v>
      </c>
      <c r="E24" s="17"/>
      <c r="F24" s="22" t="s">
        <v>60</v>
      </c>
      <c r="G24" s="1"/>
      <c r="H24" s="1"/>
      <c r="I24" s="24"/>
      <c r="J24" s="17"/>
      <c r="K24" s="22"/>
    </row>
    <row r="25" spans="2:11" x14ac:dyDescent="0.25">
      <c r="B25" s="15"/>
      <c r="C25" s="5"/>
      <c r="D25" s="24">
        <v>1.2</v>
      </c>
      <c r="E25" s="17"/>
      <c r="F25" s="22" t="s">
        <v>62</v>
      </c>
      <c r="G25" s="1"/>
      <c r="H25" s="1"/>
      <c r="I25" s="24"/>
      <c r="J25" s="17"/>
      <c r="K25" s="22"/>
    </row>
    <row r="26" spans="2:11" x14ac:dyDescent="0.25">
      <c r="B26" s="15"/>
      <c r="C26" s="5"/>
      <c r="D26" s="24">
        <v>1.3</v>
      </c>
      <c r="E26" s="17"/>
      <c r="F26" s="22" t="s">
        <v>63</v>
      </c>
      <c r="G26" s="1"/>
      <c r="H26" s="1"/>
      <c r="I26" s="24"/>
      <c r="J26" s="17"/>
      <c r="K26" s="22"/>
    </row>
    <row r="27" spans="2:11" x14ac:dyDescent="0.25">
      <c r="B27" s="15"/>
      <c r="C27" s="5"/>
      <c r="D27" s="24">
        <v>1.4</v>
      </c>
      <c r="E27" s="17"/>
      <c r="F27" s="22" t="s">
        <v>64</v>
      </c>
      <c r="G27" s="1"/>
      <c r="H27" s="1"/>
      <c r="I27" s="24"/>
      <c r="J27" s="17"/>
      <c r="K27" s="22"/>
    </row>
    <row r="28" spans="2:11" x14ac:dyDescent="0.25">
      <c r="B28" s="15"/>
      <c r="C28" s="5"/>
      <c r="D28" s="24">
        <v>1.5</v>
      </c>
      <c r="E28" s="17"/>
      <c r="F28" s="22" t="s">
        <v>65</v>
      </c>
      <c r="G28" s="1"/>
      <c r="H28" s="1"/>
      <c r="I28" s="24"/>
      <c r="J28" s="17"/>
      <c r="K28" s="22"/>
    </row>
    <row r="29" spans="2:11" x14ac:dyDescent="0.25">
      <c r="B29" s="15"/>
      <c r="C29" s="5"/>
      <c r="D29" s="24">
        <v>1.6</v>
      </c>
      <c r="E29" s="17" t="s">
        <v>73</v>
      </c>
      <c r="F29" s="22" t="s">
        <v>61</v>
      </c>
      <c r="G29" s="1"/>
      <c r="H29" s="1"/>
      <c r="I29" s="24"/>
      <c r="J29" s="17"/>
      <c r="K29" s="22"/>
    </row>
    <row r="30" spans="2:11" x14ac:dyDescent="0.25">
      <c r="B30" s="15" t="s">
        <v>12</v>
      </c>
      <c r="C30" s="5" t="s">
        <v>43</v>
      </c>
      <c r="D30" s="24">
        <v>1</v>
      </c>
      <c r="E30" s="17"/>
      <c r="F30" s="22" t="s">
        <v>58</v>
      </c>
      <c r="G30" s="1" t="s">
        <v>34</v>
      </c>
      <c r="H30" s="1" t="s">
        <v>35</v>
      </c>
      <c r="I30" s="24">
        <v>1</v>
      </c>
      <c r="J30" s="17">
        <v>5</v>
      </c>
      <c r="K30" s="22" t="s">
        <v>58</v>
      </c>
    </row>
    <row r="31" spans="2:11" x14ac:dyDescent="0.25">
      <c r="B31" s="15"/>
      <c r="C31" s="5"/>
      <c r="D31" s="24">
        <v>1.1000000000000001</v>
      </c>
      <c r="E31" s="17"/>
      <c r="F31" s="22" t="s">
        <v>59</v>
      </c>
      <c r="G31" s="1"/>
      <c r="H31" s="1"/>
      <c r="I31" s="24"/>
      <c r="J31" s="17"/>
      <c r="K31" s="22"/>
    </row>
    <row r="32" spans="2:11" x14ac:dyDescent="0.25">
      <c r="B32" s="15"/>
      <c r="C32" s="5"/>
      <c r="D32" s="24">
        <v>1.2</v>
      </c>
      <c r="E32" s="17"/>
      <c r="F32" s="22" t="s">
        <v>60</v>
      </c>
      <c r="G32" s="1"/>
      <c r="H32" s="1"/>
      <c r="I32" s="24"/>
      <c r="J32" s="17"/>
      <c r="K32" s="22"/>
    </row>
    <row r="33" spans="2:11" x14ac:dyDescent="0.25">
      <c r="B33" s="15"/>
      <c r="C33" s="5"/>
      <c r="D33" s="24">
        <v>1.3</v>
      </c>
      <c r="E33" s="17"/>
      <c r="F33" s="22" t="s">
        <v>66</v>
      </c>
      <c r="G33" s="1"/>
      <c r="H33" s="1"/>
      <c r="I33" s="24"/>
      <c r="J33" s="17"/>
      <c r="K33" s="22"/>
    </row>
    <row r="34" spans="2:11" x14ac:dyDescent="0.25">
      <c r="B34" s="15"/>
      <c r="C34" s="5"/>
      <c r="D34" s="24">
        <v>1.4</v>
      </c>
      <c r="E34" s="17">
        <v>4</v>
      </c>
      <c r="F34" s="22" t="s">
        <v>61</v>
      </c>
      <c r="G34" s="1"/>
      <c r="H34" s="1"/>
      <c r="I34" s="24"/>
      <c r="J34" s="17"/>
      <c r="K34" s="22"/>
    </row>
    <row r="35" spans="2:11" x14ac:dyDescent="0.25">
      <c r="B35" s="15"/>
      <c r="C35" s="5"/>
      <c r="D35" s="24">
        <v>1.5</v>
      </c>
      <c r="E35" s="17">
        <v>5</v>
      </c>
      <c r="F35" s="22" t="s">
        <v>67</v>
      </c>
      <c r="G35" s="1"/>
      <c r="H35" s="1"/>
      <c r="I35" s="24"/>
      <c r="J35" s="17"/>
      <c r="K35" s="22"/>
    </row>
    <row r="36" spans="2:11" x14ac:dyDescent="0.25">
      <c r="B36" s="15" t="s">
        <v>6</v>
      </c>
      <c r="C36" s="5" t="s">
        <v>44</v>
      </c>
      <c r="D36" s="24">
        <v>1</v>
      </c>
      <c r="E36" s="17"/>
      <c r="F36" s="22" t="s">
        <v>58</v>
      </c>
      <c r="G36" s="1" t="s">
        <v>31</v>
      </c>
      <c r="H36" s="1" t="s">
        <v>33</v>
      </c>
      <c r="I36" s="24">
        <v>1</v>
      </c>
      <c r="J36" s="17">
        <v>5</v>
      </c>
      <c r="K36" s="22" t="s">
        <v>58</v>
      </c>
    </row>
    <row r="37" spans="2:11" x14ac:dyDescent="0.25">
      <c r="B37" s="15"/>
      <c r="C37" s="5"/>
      <c r="D37" s="24">
        <v>1.1000000000000001</v>
      </c>
      <c r="E37" s="17"/>
      <c r="F37" s="22" t="s">
        <v>59</v>
      </c>
      <c r="G37" s="1"/>
      <c r="H37" s="1"/>
      <c r="I37" s="24"/>
      <c r="J37" s="17"/>
      <c r="K37" s="22"/>
    </row>
    <row r="38" spans="2:11" x14ac:dyDescent="0.25">
      <c r="B38" s="15"/>
      <c r="C38" s="5"/>
      <c r="D38" s="24">
        <v>1.2</v>
      </c>
      <c r="E38" s="17"/>
      <c r="F38" s="22" t="s">
        <v>60</v>
      </c>
      <c r="G38" s="1"/>
      <c r="H38" s="1"/>
      <c r="I38" s="24"/>
      <c r="J38" s="17"/>
      <c r="K38" s="22"/>
    </row>
    <row r="39" spans="2:11" x14ac:dyDescent="0.25">
      <c r="B39" s="15"/>
      <c r="C39" s="5"/>
      <c r="D39" s="24">
        <v>1.3</v>
      </c>
      <c r="E39" s="17"/>
      <c r="F39" s="22" t="s">
        <v>66</v>
      </c>
      <c r="G39" s="1"/>
      <c r="H39" s="1"/>
      <c r="I39" s="24"/>
      <c r="J39" s="17"/>
      <c r="K39" s="22"/>
    </row>
    <row r="40" spans="2:11" x14ac:dyDescent="0.25">
      <c r="B40" s="15"/>
      <c r="C40" s="5"/>
      <c r="D40" s="24">
        <v>1.4</v>
      </c>
      <c r="E40" s="17">
        <v>4</v>
      </c>
      <c r="F40" s="22" t="s">
        <v>61</v>
      </c>
      <c r="G40" s="1"/>
      <c r="H40" s="1"/>
      <c r="I40" s="24"/>
      <c r="J40" s="17"/>
      <c r="K40" s="22"/>
    </row>
    <row r="41" spans="2:11" x14ac:dyDescent="0.25">
      <c r="B41" s="15"/>
      <c r="C41" s="5"/>
      <c r="D41" s="24">
        <v>1.5</v>
      </c>
      <c r="E41" s="17">
        <v>5</v>
      </c>
      <c r="F41" s="22" t="s">
        <v>67</v>
      </c>
      <c r="G41" s="1"/>
      <c r="H41" s="1"/>
      <c r="I41" s="24"/>
      <c r="J41" s="17"/>
      <c r="K41" s="22"/>
    </row>
    <row r="42" spans="2:11" x14ac:dyDescent="0.25">
      <c r="B42" s="15" t="s">
        <v>13</v>
      </c>
      <c r="C42" s="5" t="s">
        <v>24</v>
      </c>
      <c r="D42" s="24">
        <v>0.5</v>
      </c>
      <c r="E42" s="17">
        <v>4</v>
      </c>
      <c r="F42" s="22" t="s">
        <v>58</v>
      </c>
      <c r="G42" s="1"/>
      <c r="H42" s="1"/>
      <c r="I42" s="24"/>
      <c r="J42" s="17"/>
      <c r="K42" s="22"/>
    </row>
    <row r="43" spans="2:11" ht="45" x14ac:dyDescent="0.25">
      <c r="B43" s="15"/>
      <c r="C43" s="5"/>
      <c r="D43" s="24">
        <v>1</v>
      </c>
      <c r="E43" s="17">
        <v>5</v>
      </c>
      <c r="F43" s="30" t="s">
        <v>80</v>
      </c>
      <c r="G43" s="1"/>
      <c r="H43" s="1"/>
      <c r="I43" s="24"/>
      <c r="J43" s="17"/>
      <c r="K43" s="22"/>
    </row>
    <row r="44" spans="2:11" x14ac:dyDescent="0.25">
      <c r="B44" s="15"/>
      <c r="C44" s="5"/>
      <c r="D44" s="24"/>
      <c r="E44" s="17"/>
      <c r="F44" s="22"/>
      <c r="G44" s="1"/>
      <c r="H44" s="1"/>
      <c r="I44" s="24"/>
      <c r="J44" s="17"/>
      <c r="K44" s="22"/>
    </row>
    <row r="45" spans="2:11" x14ac:dyDescent="0.25">
      <c r="B45" s="15"/>
      <c r="C45" s="5"/>
      <c r="D45" s="24"/>
      <c r="E45" s="17"/>
      <c r="F45" s="22"/>
      <c r="G45" s="1"/>
      <c r="H45" s="1"/>
      <c r="I45" s="24"/>
      <c r="J45" s="17"/>
      <c r="K45" s="22"/>
    </row>
    <row r="46" spans="2:11" x14ac:dyDescent="0.25">
      <c r="B46" s="15" t="s">
        <v>8</v>
      </c>
      <c r="C46" s="5" t="s">
        <v>25</v>
      </c>
      <c r="D46" s="24">
        <v>0.3</v>
      </c>
      <c r="E46" s="17">
        <v>4</v>
      </c>
      <c r="F46" s="22" t="s">
        <v>58</v>
      </c>
      <c r="G46" s="1"/>
      <c r="H46" s="1"/>
      <c r="I46" s="24"/>
      <c r="J46" s="17"/>
      <c r="K46" s="22"/>
    </row>
    <row r="47" spans="2:11" ht="45" x14ac:dyDescent="0.25">
      <c r="B47" s="15"/>
      <c r="C47" s="5"/>
      <c r="D47" s="24">
        <v>1</v>
      </c>
      <c r="E47" s="17">
        <v>5</v>
      </c>
      <c r="F47" s="30" t="s">
        <v>80</v>
      </c>
      <c r="G47" s="1"/>
      <c r="H47" s="1"/>
      <c r="I47" s="24"/>
      <c r="J47" s="17"/>
      <c r="K47" s="22"/>
    </row>
    <row r="48" spans="2:11" x14ac:dyDescent="0.25">
      <c r="B48" s="15"/>
      <c r="C48" s="5"/>
      <c r="D48" s="24"/>
      <c r="E48" s="17"/>
      <c r="F48" s="22"/>
      <c r="G48" s="1"/>
      <c r="H48" s="1"/>
      <c r="I48" s="24"/>
      <c r="J48" s="17"/>
      <c r="K48" s="22"/>
    </row>
    <row r="49" spans="2:11" x14ac:dyDescent="0.25">
      <c r="B49" s="15"/>
      <c r="C49" s="5"/>
      <c r="D49" s="24"/>
      <c r="E49" s="17"/>
      <c r="F49" s="22"/>
      <c r="G49" s="1"/>
      <c r="H49" s="1"/>
      <c r="I49" s="24"/>
      <c r="J49" s="17"/>
      <c r="K49" s="22"/>
    </row>
    <row r="50" spans="2:11" x14ac:dyDescent="0.25">
      <c r="B50" s="15" t="s">
        <v>14</v>
      </c>
      <c r="C50" s="5" t="s">
        <v>45</v>
      </c>
      <c r="D50" s="24">
        <v>0.7</v>
      </c>
      <c r="E50" s="17">
        <v>4</v>
      </c>
      <c r="F50" s="22" t="s">
        <v>58</v>
      </c>
      <c r="G50" s="1"/>
      <c r="H50" s="1"/>
      <c r="I50" s="24"/>
      <c r="J50" s="17"/>
      <c r="K50" s="22"/>
    </row>
    <row r="51" spans="2:11" ht="45" x14ac:dyDescent="0.25">
      <c r="B51" s="15"/>
      <c r="C51" s="5"/>
      <c r="D51" s="24">
        <v>1</v>
      </c>
      <c r="E51" s="17">
        <v>5</v>
      </c>
      <c r="F51" s="30" t="s">
        <v>80</v>
      </c>
      <c r="G51" s="1"/>
      <c r="H51" s="1"/>
      <c r="I51" s="24"/>
      <c r="J51" s="17"/>
      <c r="K51" s="22"/>
    </row>
    <row r="52" spans="2:11" x14ac:dyDescent="0.25">
      <c r="B52" s="15"/>
      <c r="C52" s="5"/>
      <c r="D52" s="24"/>
      <c r="E52" s="17"/>
      <c r="F52" s="22"/>
      <c r="G52" s="1"/>
      <c r="H52" s="1"/>
      <c r="I52" s="24"/>
      <c r="J52" s="17"/>
      <c r="K52" s="22"/>
    </row>
    <row r="53" spans="2:11" x14ac:dyDescent="0.25">
      <c r="B53" s="15"/>
      <c r="C53" s="5"/>
      <c r="D53" s="24"/>
      <c r="E53" s="17"/>
      <c r="F53" s="22"/>
      <c r="G53" s="1"/>
      <c r="H53" s="1"/>
      <c r="I53" s="24"/>
      <c r="J53" s="17"/>
      <c r="K53" s="22"/>
    </row>
    <row r="54" spans="2:11" x14ac:dyDescent="0.25">
      <c r="B54" s="15" t="s">
        <v>7</v>
      </c>
      <c r="C54" s="5" t="s">
        <v>46</v>
      </c>
      <c r="D54" s="24">
        <v>0.7</v>
      </c>
      <c r="E54" s="17">
        <v>4</v>
      </c>
      <c r="F54" s="22" t="s">
        <v>58</v>
      </c>
      <c r="G54" s="1"/>
      <c r="H54" s="1"/>
      <c r="I54" s="24"/>
      <c r="J54" s="17"/>
      <c r="K54" s="22"/>
    </row>
    <row r="55" spans="2:11" ht="45" x14ac:dyDescent="0.25">
      <c r="B55" s="15"/>
      <c r="C55" s="5"/>
      <c r="D55" s="24">
        <v>1</v>
      </c>
      <c r="E55" s="17">
        <v>5</v>
      </c>
      <c r="F55" s="30" t="s">
        <v>80</v>
      </c>
      <c r="G55" s="1"/>
      <c r="H55" s="1"/>
      <c r="I55" s="24"/>
      <c r="J55" s="17"/>
      <c r="K55" s="22"/>
    </row>
    <row r="56" spans="2:11" x14ac:dyDescent="0.25">
      <c r="B56" s="15"/>
      <c r="C56" s="5"/>
      <c r="D56" s="24"/>
      <c r="E56" s="17"/>
      <c r="F56" s="22"/>
      <c r="G56" s="1"/>
      <c r="H56" s="1"/>
      <c r="I56" s="24"/>
      <c r="J56" s="17"/>
      <c r="K56" s="22"/>
    </row>
    <row r="57" spans="2:11" x14ac:dyDescent="0.25">
      <c r="B57" s="15"/>
      <c r="C57" s="5"/>
      <c r="D57" s="24"/>
      <c r="E57" s="17"/>
      <c r="F57" s="22"/>
      <c r="G57" s="1"/>
      <c r="H57" s="1"/>
      <c r="I57" s="24"/>
      <c r="J57" s="17"/>
      <c r="K57" s="22"/>
    </row>
    <row r="58" spans="2:11" x14ac:dyDescent="0.25">
      <c r="B58" s="15" t="s">
        <v>26</v>
      </c>
      <c r="C58" s="5" t="s">
        <v>47</v>
      </c>
      <c r="D58" s="24">
        <v>0.9</v>
      </c>
      <c r="E58" s="17">
        <v>4</v>
      </c>
      <c r="F58" s="22" t="s">
        <v>58</v>
      </c>
      <c r="G58" s="1"/>
      <c r="H58" s="1"/>
      <c r="I58" s="24"/>
      <c r="J58" s="17"/>
      <c r="K58" s="22"/>
    </row>
    <row r="59" spans="2:11" ht="45" x14ac:dyDescent="0.25">
      <c r="B59" s="15"/>
      <c r="C59" s="5"/>
      <c r="D59" s="24">
        <v>1</v>
      </c>
      <c r="E59" s="17">
        <v>5</v>
      </c>
      <c r="F59" s="30" t="s">
        <v>80</v>
      </c>
      <c r="G59" s="1"/>
      <c r="H59" s="1"/>
      <c r="I59" s="24"/>
      <c r="J59" s="17"/>
      <c r="K59" s="22"/>
    </row>
    <row r="60" spans="2:11" x14ac:dyDescent="0.25">
      <c r="B60" s="15"/>
      <c r="C60" s="5"/>
      <c r="D60" s="24"/>
      <c r="E60" s="17"/>
      <c r="F60" s="22"/>
      <c r="G60" s="1"/>
      <c r="H60" s="1"/>
      <c r="I60" s="24"/>
      <c r="J60" s="17"/>
      <c r="K60" s="22"/>
    </row>
    <row r="61" spans="2:11" x14ac:dyDescent="0.25">
      <c r="B61" s="15"/>
      <c r="C61" s="5"/>
      <c r="D61" s="24"/>
      <c r="E61" s="17"/>
      <c r="F61" s="22"/>
      <c r="G61" s="1"/>
      <c r="H61" s="1"/>
      <c r="I61" s="24"/>
      <c r="J61" s="17"/>
      <c r="K61" s="22"/>
    </row>
    <row r="62" spans="2:11" x14ac:dyDescent="0.25">
      <c r="B62" s="15" t="s">
        <v>15</v>
      </c>
      <c r="C62" s="5" t="s">
        <v>29</v>
      </c>
      <c r="D62" s="24">
        <v>0.8</v>
      </c>
      <c r="E62" s="17">
        <v>4</v>
      </c>
      <c r="F62" s="22" t="s">
        <v>58</v>
      </c>
      <c r="G62" s="1"/>
      <c r="H62" s="1"/>
      <c r="I62" s="24"/>
      <c r="J62" s="17"/>
      <c r="K62" s="22"/>
    </row>
    <row r="63" spans="2:11" x14ac:dyDescent="0.25">
      <c r="B63" s="15"/>
      <c r="C63" s="5"/>
      <c r="D63" s="24">
        <v>1</v>
      </c>
      <c r="E63" s="17">
        <v>5</v>
      </c>
      <c r="F63" s="22" t="s">
        <v>78</v>
      </c>
      <c r="G63" s="1"/>
      <c r="H63" s="1"/>
      <c r="I63" s="24"/>
      <c r="J63" s="17"/>
      <c r="K63" s="22"/>
    </row>
    <row r="64" spans="2:11" x14ac:dyDescent="0.25">
      <c r="B64" s="15"/>
      <c r="C64" s="5"/>
      <c r="D64" s="24"/>
      <c r="E64" s="17"/>
      <c r="F64" s="22"/>
      <c r="G64" s="1"/>
      <c r="H64" s="1"/>
      <c r="I64" s="24"/>
      <c r="J64" s="17"/>
      <c r="K64" s="22"/>
    </row>
    <row r="65" spans="2:11" x14ac:dyDescent="0.25">
      <c r="B65" s="15"/>
      <c r="C65" s="5"/>
      <c r="D65" s="24"/>
      <c r="E65" s="17"/>
      <c r="F65" s="22"/>
      <c r="G65" s="1"/>
      <c r="H65" s="1"/>
      <c r="I65" s="24"/>
      <c r="J65" s="17"/>
      <c r="K65" s="22"/>
    </row>
    <row r="66" spans="2:11" x14ac:dyDescent="0.25">
      <c r="B66" s="15" t="s">
        <v>16</v>
      </c>
      <c r="C66" s="5" t="s">
        <v>36</v>
      </c>
      <c r="D66" s="24">
        <v>0.4</v>
      </c>
      <c r="E66" s="17">
        <v>4</v>
      </c>
      <c r="F66" s="22" t="s">
        <v>58</v>
      </c>
      <c r="G66" s="1"/>
      <c r="H66" s="1"/>
      <c r="I66" s="24"/>
      <c r="J66" s="17"/>
      <c r="K66" s="22"/>
    </row>
    <row r="67" spans="2:11" ht="45" x14ac:dyDescent="0.25">
      <c r="B67" s="15"/>
      <c r="C67" s="5"/>
      <c r="D67" s="24">
        <v>1</v>
      </c>
      <c r="E67" s="17">
        <v>5</v>
      </c>
      <c r="F67" s="30" t="s">
        <v>80</v>
      </c>
      <c r="G67" s="1"/>
      <c r="H67" s="1"/>
      <c r="I67" s="24"/>
      <c r="J67" s="17"/>
      <c r="K67" s="22"/>
    </row>
    <row r="68" spans="2:11" x14ac:dyDescent="0.25">
      <c r="B68" s="15"/>
      <c r="C68" s="5"/>
      <c r="D68" s="24"/>
      <c r="E68" s="17"/>
      <c r="F68" s="22"/>
      <c r="G68" s="1"/>
      <c r="H68" s="1"/>
      <c r="I68" s="24"/>
      <c r="J68" s="17"/>
      <c r="K68" s="22"/>
    </row>
    <row r="69" spans="2:11" x14ac:dyDescent="0.25">
      <c r="B69" s="15" t="s">
        <v>17</v>
      </c>
      <c r="C69" s="5" t="s">
        <v>28</v>
      </c>
      <c r="D69" s="24">
        <v>0.2</v>
      </c>
      <c r="E69" s="17">
        <v>4</v>
      </c>
      <c r="F69" s="22" t="s">
        <v>58</v>
      </c>
      <c r="G69" s="1"/>
      <c r="H69" s="1"/>
      <c r="I69" s="24"/>
      <c r="J69" s="17"/>
      <c r="K69" s="22"/>
    </row>
    <row r="70" spans="2:11" ht="45" x14ac:dyDescent="0.25">
      <c r="B70" s="15"/>
      <c r="C70" s="5"/>
      <c r="D70" s="24">
        <v>1</v>
      </c>
      <c r="E70" s="17">
        <v>5</v>
      </c>
      <c r="F70" s="30" t="s">
        <v>80</v>
      </c>
      <c r="G70" s="1"/>
      <c r="H70" s="1"/>
      <c r="I70" s="24"/>
      <c r="J70" s="17"/>
      <c r="K70" s="22"/>
    </row>
    <row r="71" spans="2:11" x14ac:dyDescent="0.25">
      <c r="B71" s="15"/>
      <c r="C71" s="5"/>
      <c r="D71" s="24"/>
      <c r="E71" s="17"/>
      <c r="F71" s="22"/>
      <c r="G71" s="1"/>
      <c r="H71" s="1"/>
      <c r="I71" s="24"/>
      <c r="J71" s="17"/>
      <c r="K71" s="22"/>
    </row>
    <row r="72" spans="2:11" x14ac:dyDescent="0.25">
      <c r="B72" s="15" t="s">
        <v>18</v>
      </c>
      <c r="C72" s="5" t="s">
        <v>27</v>
      </c>
      <c r="D72" s="24">
        <v>0.3</v>
      </c>
      <c r="E72" s="17">
        <v>4</v>
      </c>
      <c r="F72" s="22" t="s">
        <v>58</v>
      </c>
      <c r="G72" s="1"/>
      <c r="H72" s="1"/>
      <c r="I72" s="24"/>
      <c r="J72" s="17"/>
      <c r="K72" s="22"/>
    </row>
    <row r="73" spans="2:11" ht="45" x14ac:dyDescent="0.25">
      <c r="B73" s="1"/>
      <c r="C73" s="1"/>
      <c r="D73" s="24">
        <v>1</v>
      </c>
      <c r="E73" s="17">
        <v>5</v>
      </c>
      <c r="F73" s="30" t="s">
        <v>80</v>
      </c>
      <c r="G73" s="1"/>
      <c r="H73" s="1"/>
      <c r="I73" s="24"/>
      <c r="J73" s="17"/>
      <c r="K73" s="22"/>
    </row>
    <row r="74" spans="2:11" x14ac:dyDescent="0.25">
      <c r="B74" s="1"/>
      <c r="C74" s="1"/>
      <c r="D74" s="24"/>
      <c r="E74" s="17"/>
      <c r="F74" s="22"/>
      <c r="G74" s="1"/>
      <c r="H74" s="1"/>
      <c r="I74" s="24"/>
      <c r="J74" s="17"/>
      <c r="K74" s="22"/>
    </row>
    <row r="75" spans="2:11" x14ac:dyDescent="0.25">
      <c r="B75" s="15" t="s">
        <v>81</v>
      </c>
      <c r="C75" s="5" t="s">
        <v>82</v>
      </c>
      <c r="D75" s="24">
        <v>1.1000000000000001</v>
      </c>
      <c r="E75" s="17">
        <v>5.0999999999999996</v>
      </c>
      <c r="F75" s="22" t="s">
        <v>83</v>
      </c>
      <c r="G75" s="1"/>
      <c r="H75" s="1"/>
      <c r="I75" s="24"/>
      <c r="J75" s="17"/>
      <c r="K75" s="22"/>
    </row>
    <row r="76" spans="2:11" x14ac:dyDescent="0.25">
      <c r="B76" s="15"/>
      <c r="C76" s="5"/>
      <c r="D76" s="24"/>
      <c r="E76" s="17"/>
      <c r="F76" s="30"/>
      <c r="G76" s="1"/>
      <c r="H76" s="1"/>
      <c r="I76" s="24"/>
      <c r="J76" s="17"/>
      <c r="K76" s="22"/>
    </row>
    <row r="77" spans="2:11" x14ac:dyDescent="0.25">
      <c r="B77" s="15"/>
      <c r="C77" s="5"/>
      <c r="D77" s="24"/>
      <c r="E77" s="17"/>
      <c r="F77" s="22"/>
      <c r="G77" s="1"/>
      <c r="H77" s="1"/>
      <c r="I77" s="24"/>
      <c r="J77" s="17"/>
      <c r="K77" s="22"/>
    </row>
    <row r="78" spans="2:11" x14ac:dyDescent="0.25">
      <c r="B78" s="15"/>
      <c r="C78" s="5"/>
      <c r="D78" s="24"/>
      <c r="E78" s="17"/>
      <c r="F78" s="22"/>
      <c r="G78" s="1"/>
      <c r="H78" s="1"/>
      <c r="I78" s="24"/>
      <c r="J78" s="17"/>
      <c r="K78" s="22"/>
    </row>
    <row r="79" spans="2:11" x14ac:dyDescent="0.25">
      <c r="B79" s="1"/>
      <c r="C79" s="1"/>
      <c r="D79" s="24"/>
      <c r="E79" s="17"/>
      <c r="F79" s="30"/>
      <c r="G79" s="1"/>
      <c r="H79" s="1"/>
      <c r="I79" s="24"/>
      <c r="J79" s="17"/>
      <c r="K79" s="22"/>
    </row>
    <row r="83" spans="1:2" ht="90" x14ac:dyDescent="0.25">
      <c r="A83" t="s">
        <v>75</v>
      </c>
      <c r="B83" s="29" t="s">
        <v>79</v>
      </c>
    </row>
    <row r="84" spans="1:2" ht="45" x14ac:dyDescent="0.25">
      <c r="A84" t="s">
        <v>76</v>
      </c>
      <c r="B84" s="29" t="s">
        <v>77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29F777-3885-46B8-B943-B6C8BA6FF74E}">
  <dimension ref="B1:G54"/>
  <sheetViews>
    <sheetView workbookViewId="0">
      <selection activeCell="D27" sqref="D27"/>
    </sheetView>
  </sheetViews>
  <sheetFormatPr defaultRowHeight="15" x14ac:dyDescent="0.25"/>
  <cols>
    <col min="2" max="2" width="28" bestFit="1" customWidth="1"/>
    <col min="3" max="3" width="11.7109375" bestFit="1" customWidth="1"/>
    <col min="4" max="4" width="21.28515625" customWidth="1"/>
    <col min="5" max="5" width="29.7109375" customWidth="1"/>
    <col min="6" max="6" width="23.85546875" customWidth="1"/>
    <col min="7" max="7" width="19.140625" customWidth="1"/>
  </cols>
  <sheetData>
    <row r="1" spans="2:7" ht="15.75" thickBot="1" x14ac:dyDescent="0.3">
      <c r="B1" s="4"/>
      <c r="C1" s="4"/>
      <c r="D1" s="18"/>
      <c r="E1" s="4"/>
      <c r="F1" s="4"/>
      <c r="G1" s="7"/>
    </row>
    <row r="2" spans="2:7" ht="38.25" thickBot="1" x14ac:dyDescent="0.35">
      <c r="B2" s="11" t="s">
        <v>0</v>
      </c>
      <c r="C2" s="12" t="s">
        <v>19</v>
      </c>
      <c r="D2" s="19" t="s">
        <v>56</v>
      </c>
      <c r="E2" s="12" t="s">
        <v>1</v>
      </c>
      <c r="F2" s="12" t="s">
        <v>19</v>
      </c>
      <c r="G2" s="19" t="s">
        <v>56</v>
      </c>
    </row>
    <row r="3" spans="2:7" x14ac:dyDescent="0.25">
      <c r="B3" s="14" t="s">
        <v>9</v>
      </c>
      <c r="C3" s="13" t="s">
        <v>20</v>
      </c>
      <c r="D3" s="20">
        <v>1.3</v>
      </c>
      <c r="E3" s="13" t="s">
        <v>50</v>
      </c>
      <c r="F3" s="13" t="s">
        <v>37</v>
      </c>
      <c r="G3" s="8">
        <v>1.3</v>
      </c>
    </row>
    <row r="4" spans="2:7" x14ac:dyDescent="0.25">
      <c r="B4" s="15" t="s">
        <v>3</v>
      </c>
      <c r="C4" s="5" t="s">
        <v>21</v>
      </c>
      <c r="D4" s="20">
        <v>1.3</v>
      </c>
      <c r="E4" s="5" t="s">
        <v>51</v>
      </c>
      <c r="F4" s="5" t="s">
        <v>40</v>
      </c>
      <c r="G4" s="9">
        <v>1.1000000000000001</v>
      </c>
    </row>
    <row r="5" spans="2:7" x14ac:dyDescent="0.25">
      <c r="B5" s="15" t="s">
        <v>10</v>
      </c>
      <c r="C5" s="5" t="s">
        <v>22</v>
      </c>
      <c r="D5" s="20">
        <v>1.2</v>
      </c>
      <c r="E5" s="5" t="s">
        <v>52</v>
      </c>
      <c r="F5" s="5" t="s">
        <v>39</v>
      </c>
      <c r="G5" s="9">
        <v>1.4</v>
      </c>
    </row>
    <row r="6" spans="2:7" x14ac:dyDescent="0.25">
      <c r="B6" s="15" t="s">
        <v>5</v>
      </c>
      <c r="C6" s="5" t="s">
        <v>23</v>
      </c>
      <c r="D6" s="20">
        <v>1.2</v>
      </c>
      <c r="E6" s="5" t="s">
        <v>53</v>
      </c>
      <c r="F6" s="5" t="s">
        <v>38</v>
      </c>
      <c r="G6" s="9">
        <v>1</v>
      </c>
    </row>
    <row r="7" spans="2:7" x14ac:dyDescent="0.25">
      <c r="B7" s="15" t="s">
        <v>11</v>
      </c>
      <c r="C7" s="5" t="s">
        <v>41</v>
      </c>
      <c r="D7" s="20">
        <v>1</v>
      </c>
      <c r="E7" s="5" t="s">
        <v>49</v>
      </c>
      <c r="F7" s="5" t="s">
        <v>48</v>
      </c>
      <c r="G7" s="9">
        <v>1</v>
      </c>
    </row>
    <row r="8" spans="2:7" x14ac:dyDescent="0.25">
      <c r="B8" s="15" t="s">
        <v>4</v>
      </c>
      <c r="C8" s="5" t="s">
        <v>42</v>
      </c>
      <c r="D8" s="20">
        <v>1</v>
      </c>
      <c r="E8" s="5" t="s">
        <v>30</v>
      </c>
      <c r="F8" s="5" t="s">
        <v>32</v>
      </c>
      <c r="G8" s="6">
        <v>1</v>
      </c>
    </row>
    <row r="9" spans="2:7" x14ac:dyDescent="0.25">
      <c r="B9" s="15" t="s">
        <v>12</v>
      </c>
      <c r="C9" s="5" t="s">
        <v>43</v>
      </c>
      <c r="D9" s="20">
        <v>1.5</v>
      </c>
      <c r="E9" s="5" t="s">
        <v>34</v>
      </c>
      <c r="F9" s="5" t="s">
        <v>35</v>
      </c>
      <c r="G9" s="6">
        <v>1</v>
      </c>
    </row>
    <row r="10" spans="2:7" x14ac:dyDescent="0.25">
      <c r="B10" s="15" t="s">
        <v>6</v>
      </c>
      <c r="C10" s="5" t="s">
        <v>44</v>
      </c>
      <c r="D10" s="20">
        <v>1.5</v>
      </c>
      <c r="E10" s="5" t="s">
        <v>31</v>
      </c>
      <c r="F10" s="5" t="s">
        <v>33</v>
      </c>
      <c r="G10" s="6">
        <v>1</v>
      </c>
    </row>
    <row r="11" spans="2:7" x14ac:dyDescent="0.25">
      <c r="B11" s="15" t="s">
        <v>13</v>
      </c>
      <c r="C11" s="5" t="s">
        <v>24</v>
      </c>
      <c r="D11" s="20">
        <v>1</v>
      </c>
      <c r="E11" s="5"/>
      <c r="F11" s="5"/>
      <c r="G11" s="10"/>
    </row>
    <row r="12" spans="2:7" x14ac:dyDescent="0.25">
      <c r="B12" s="15" t="s">
        <v>8</v>
      </c>
      <c r="C12" s="5" t="s">
        <v>25</v>
      </c>
      <c r="D12" s="20">
        <v>1</v>
      </c>
      <c r="E12" s="5"/>
      <c r="F12" s="5"/>
      <c r="G12" s="10"/>
    </row>
    <row r="13" spans="2:7" x14ac:dyDescent="0.25">
      <c r="B13" s="15" t="s">
        <v>14</v>
      </c>
      <c r="C13" s="5" t="s">
        <v>45</v>
      </c>
      <c r="D13" s="20">
        <v>1</v>
      </c>
      <c r="E13" s="5"/>
      <c r="F13" s="5"/>
      <c r="G13" s="10"/>
    </row>
    <row r="14" spans="2:7" x14ac:dyDescent="0.25">
      <c r="B14" s="15" t="s">
        <v>7</v>
      </c>
      <c r="C14" s="5" t="s">
        <v>46</v>
      </c>
      <c r="D14" s="20">
        <v>1</v>
      </c>
      <c r="E14" s="5"/>
      <c r="F14" s="5"/>
      <c r="G14" s="10"/>
    </row>
    <row r="15" spans="2:7" x14ac:dyDescent="0.25">
      <c r="B15" s="15" t="s">
        <v>26</v>
      </c>
      <c r="C15" s="5" t="s">
        <v>47</v>
      </c>
      <c r="D15" s="20">
        <v>1</v>
      </c>
      <c r="E15" s="5"/>
      <c r="F15" s="5"/>
      <c r="G15" s="10"/>
    </row>
    <row r="16" spans="2:7" x14ac:dyDescent="0.25">
      <c r="B16" s="15" t="s">
        <v>15</v>
      </c>
      <c r="C16" s="5" t="s">
        <v>29</v>
      </c>
      <c r="D16" s="20">
        <v>1</v>
      </c>
      <c r="E16" s="5"/>
      <c r="F16" s="5"/>
      <c r="G16" s="10"/>
    </row>
    <row r="17" spans="2:7" x14ac:dyDescent="0.25">
      <c r="B17" s="15" t="s">
        <v>16</v>
      </c>
      <c r="C17" s="5" t="s">
        <v>36</v>
      </c>
      <c r="D17" s="20">
        <v>1</v>
      </c>
      <c r="E17" s="5"/>
      <c r="F17" s="5"/>
      <c r="G17" s="10"/>
    </row>
    <row r="18" spans="2:7" x14ac:dyDescent="0.25">
      <c r="B18" s="15" t="s">
        <v>17</v>
      </c>
      <c r="C18" s="5" t="s">
        <v>28</v>
      </c>
      <c r="D18" s="20">
        <v>1</v>
      </c>
      <c r="E18" s="5"/>
      <c r="F18" s="5"/>
      <c r="G18" s="10"/>
    </row>
    <row r="19" spans="2:7" x14ac:dyDescent="0.25">
      <c r="B19" s="15" t="s">
        <v>18</v>
      </c>
      <c r="C19" s="5" t="s">
        <v>27</v>
      </c>
      <c r="D19" s="20">
        <v>1</v>
      </c>
      <c r="E19" s="5"/>
      <c r="F19" s="5"/>
      <c r="G19" s="10"/>
    </row>
    <row r="20" spans="2:7" x14ac:dyDescent="0.25">
      <c r="B20" s="15" t="s">
        <v>81</v>
      </c>
      <c r="C20" s="5" t="s">
        <v>82</v>
      </c>
      <c r="D20" s="20">
        <v>1.1000000000000001</v>
      </c>
      <c r="E20" s="5"/>
      <c r="F20" s="5"/>
      <c r="G20" s="10"/>
    </row>
    <row r="21" spans="2:7" x14ac:dyDescent="0.25">
      <c r="B21" s="1"/>
      <c r="C21" s="1"/>
      <c r="D21" s="21"/>
      <c r="E21" s="5"/>
      <c r="F21" s="5"/>
      <c r="G21" s="10"/>
    </row>
    <row r="22" spans="2:7" x14ac:dyDescent="0.25">
      <c r="D22" s="18"/>
      <c r="G22" s="7"/>
    </row>
    <row r="23" spans="2:7" x14ac:dyDescent="0.25">
      <c r="D23" s="18"/>
      <c r="G23" s="7"/>
    </row>
    <row r="24" spans="2:7" ht="75" x14ac:dyDescent="0.25">
      <c r="B24" s="3" t="s">
        <v>54</v>
      </c>
      <c r="C24" s="3"/>
      <c r="D24" s="2"/>
      <c r="G24" s="7"/>
    </row>
    <row r="25" spans="2:7" x14ac:dyDescent="0.25">
      <c r="D25" s="18"/>
      <c r="G25" s="7"/>
    </row>
    <row r="26" spans="2:7" x14ac:dyDescent="0.25">
      <c r="D26" s="18"/>
      <c r="G26" s="7"/>
    </row>
    <row r="27" spans="2:7" x14ac:dyDescent="0.25">
      <c r="D27" s="18"/>
      <c r="G27" s="7"/>
    </row>
    <row r="28" spans="2:7" x14ac:dyDescent="0.25">
      <c r="D28" s="18"/>
      <c r="G28" s="7"/>
    </row>
    <row r="29" spans="2:7" x14ac:dyDescent="0.25">
      <c r="D29" s="18"/>
      <c r="G29" s="7"/>
    </row>
    <row r="30" spans="2:7" x14ac:dyDescent="0.25">
      <c r="D30" s="18"/>
      <c r="G30" s="7"/>
    </row>
    <row r="31" spans="2:7" x14ac:dyDescent="0.25">
      <c r="D31" s="18"/>
      <c r="G31" s="7"/>
    </row>
    <row r="32" spans="2:7" x14ac:dyDescent="0.25">
      <c r="D32" s="18"/>
      <c r="G32" s="7"/>
    </row>
    <row r="33" spans="4:7" x14ac:dyDescent="0.25">
      <c r="D33" s="18"/>
      <c r="G33" s="7"/>
    </row>
    <row r="34" spans="4:7" x14ac:dyDescent="0.25">
      <c r="D34" s="18"/>
      <c r="G34" s="7"/>
    </row>
    <row r="35" spans="4:7" x14ac:dyDescent="0.25">
      <c r="D35" s="18"/>
      <c r="G35" s="7"/>
    </row>
    <row r="36" spans="4:7" x14ac:dyDescent="0.25">
      <c r="D36" s="18"/>
      <c r="G36" s="7"/>
    </row>
    <row r="37" spans="4:7" x14ac:dyDescent="0.25">
      <c r="D37" s="18"/>
      <c r="G37" s="7"/>
    </row>
    <row r="38" spans="4:7" x14ac:dyDescent="0.25">
      <c r="D38" s="18"/>
      <c r="G38" s="7"/>
    </row>
    <row r="39" spans="4:7" x14ac:dyDescent="0.25">
      <c r="D39" s="18"/>
      <c r="G39" s="7"/>
    </row>
    <row r="40" spans="4:7" x14ac:dyDescent="0.25">
      <c r="D40" s="18"/>
      <c r="G40" s="7"/>
    </row>
    <row r="41" spans="4:7" x14ac:dyDescent="0.25">
      <c r="D41" s="18"/>
      <c r="G41" s="7"/>
    </row>
    <row r="42" spans="4:7" x14ac:dyDescent="0.25">
      <c r="D42" s="18"/>
      <c r="G42" s="7"/>
    </row>
    <row r="43" spans="4:7" x14ac:dyDescent="0.25">
      <c r="D43" s="18"/>
      <c r="G43" s="7"/>
    </row>
    <row r="44" spans="4:7" x14ac:dyDescent="0.25">
      <c r="D44" s="18"/>
      <c r="G44" s="7"/>
    </row>
    <row r="45" spans="4:7" x14ac:dyDescent="0.25">
      <c r="D45" s="18"/>
      <c r="G45" s="7"/>
    </row>
    <row r="46" spans="4:7" x14ac:dyDescent="0.25">
      <c r="D46" s="18"/>
      <c r="G46" s="7"/>
    </row>
    <row r="47" spans="4:7" x14ac:dyDescent="0.25">
      <c r="D47" s="18"/>
      <c r="G47" s="7"/>
    </row>
    <row r="48" spans="4:7" x14ac:dyDescent="0.25">
      <c r="D48" s="18"/>
      <c r="G48" s="7"/>
    </row>
    <row r="49" spans="4:7" x14ac:dyDescent="0.25">
      <c r="D49" s="18"/>
      <c r="G49" s="7"/>
    </row>
    <row r="50" spans="4:7" x14ac:dyDescent="0.25">
      <c r="D50" s="18"/>
      <c r="G50" s="7"/>
    </row>
    <row r="51" spans="4:7" x14ac:dyDescent="0.25">
      <c r="D51" s="18"/>
      <c r="G51" s="7"/>
    </row>
    <row r="52" spans="4:7" x14ac:dyDescent="0.25">
      <c r="D52" s="18"/>
      <c r="G52" s="7"/>
    </row>
    <row r="53" spans="4:7" x14ac:dyDescent="0.25">
      <c r="D53" s="18"/>
      <c r="G53" s="7"/>
    </row>
    <row r="54" spans="4:7" x14ac:dyDescent="0.25">
      <c r="D54" s="18"/>
      <c r="G54" s="7"/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B1:G54"/>
  <sheetViews>
    <sheetView workbookViewId="0">
      <selection activeCell="D29" sqref="A1:XFD1048576"/>
    </sheetView>
  </sheetViews>
  <sheetFormatPr defaultRowHeight="15" x14ac:dyDescent="0.25"/>
  <cols>
    <col min="2" max="2" width="28" bestFit="1" customWidth="1"/>
    <col min="3" max="3" width="11.7109375" bestFit="1" customWidth="1"/>
    <col min="4" max="4" width="21.28515625" customWidth="1"/>
    <col min="5" max="5" width="29.7109375" customWidth="1"/>
    <col min="6" max="6" width="23.85546875" customWidth="1"/>
    <col min="7" max="7" width="19.140625" customWidth="1"/>
  </cols>
  <sheetData>
    <row r="1" spans="2:7" ht="15.75" thickBot="1" x14ac:dyDescent="0.3">
      <c r="B1" s="4"/>
      <c r="C1" s="4"/>
      <c r="D1" s="18"/>
      <c r="E1" s="4"/>
      <c r="F1" s="4"/>
      <c r="G1" s="7"/>
    </row>
    <row r="2" spans="2:7" ht="38.25" thickBot="1" x14ac:dyDescent="0.35">
      <c r="B2" s="11" t="s">
        <v>0</v>
      </c>
      <c r="C2" s="12" t="s">
        <v>19</v>
      </c>
      <c r="D2" s="19" t="s">
        <v>56</v>
      </c>
      <c r="E2" s="12" t="s">
        <v>1</v>
      </c>
      <c r="F2" s="12" t="s">
        <v>19</v>
      </c>
      <c r="G2" s="19" t="s">
        <v>56</v>
      </c>
    </row>
    <row r="3" spans="2:7" x14ac:dyDescent="0.25">
      <c r="B3" s="14" t="s">
        <v>9</v>
      </c>
      <c r="C3" s="13" t="s">
        <v>20</v>
      </c>
      <c r="D3" s="20">
        <v>1.3</v>
      </c>
      <c r="E3" s="13" t="s">
        <v>50</v>
      </c>
      <c r="F3" s="13" t="s">
        <v>37</v>
      </c>
      <c r="G3" s="8">
        <v>1.3</v>
      </c>
    </row>
    <row r="4" spans="2:7" x14ac:dyDescent="0.25">
      <c r="B4" s="15" t="s">
        <v>3</v>
      </c>
      <c r="C4" s="5" t="s">
        <v>21</v>
      </c>
      <c r="D4" s="20">
        <v>1.3</v>
      </c>
      <c r="E4" s="5" t="s">
        <v>51</v>
      </c>
      <c r="F4" s="5" t="s">
        <v>40</v>
      </c>
      <c r="G4" s="9">
        <v>1.1000000000000001</v>
      </c>
    </row>
    <row r="5" spans="2:7" x14ac:dyDescent="0.25">
      <c r="B5" s="15" t="s">
        <v>10</v>
      </c>
      <c r="C5" s="5" t="s">
        <v>22</v>
      </c>
      <c r="D5" s="20">
        <v>1.2</v>
      </c>
      <c r="E5" s="5" t="s">
        <v>52</v>
      </c>
      <c r="F5" s="5" t="s">
        <v>39</v>
      </c>
      <c r="G5" s="9">
        <v>1.4</v>
      </c>
    </row>
    <row r="6" spans="2:7" x14ac:dyDescent="0.25">
      <c r="B6" s="15" t="s">
        <v>5</v>
      </c>
      <c r="C6" s="5" t="s">
        <v>23</v>
      </c>
      <c r="D6" s="20">
        <v>1.2</v>
      </c>
      <c r="E6" s="5" t="s">
        <v>53</v>
      </c>
      <c r="F6" s="5" t="s">
        <v>38</v>
      </c>
      <c r="G6" s="9">
        <v>1</v>
      </c>
    </row>
    <row r="7" spans="2:7" x14ac:dyDescent="0.25">
      <c r="B7" s="15" t="s">
        <v>11</v>
      </c>
      <c r="C7" s="5" t="s">
        <v>41</v>
      </c>
      <c r="D7" s="20">
        <v>1</v>
      </c>
      <c r="E7" s="5" t="s">
        <v>49</v>
      </c>
      <c r="F7" s="5" t="s">
        <v>48</v>
      </c>
      <c r="G7" s="9">
        <v>1</v>
      </c>
    </row>
    <row r="8" spans="2:7" x14ac:dyDescent="0.25">
      <c r="B8" s="15" t="s">
        <v>4</v>
      </c>
      <c r="C8" s="5" t="s">
        <v>42</v>
      </c>
      <c r="D8" s="20">
        <v>1</v>
      </c>
      <c r="E8" s="5" t="s">
        <v>30</v>
      </c>
      <c r="F8" s="5" t="s">
        <v>32</v>
      </c>
      <c r="G8" s="6">
        <v>1</v>
      </c>
    </row>
    <row r="9" spans="2:7" x14ac:dyDescent="0.25">
      <c r="B9" s="15" t="s">
        <v>12</v>
      </c>
      <c r="C9" s="5" t="s">
        <v>43</v>
      </c>
      <c r="D9" s="20">
        <v>1.5</v>
      </c>
      <c r="E9" s="5" t="s">
        <v>34</v>
      </c>
      <c r="F9" s="5" t="s">
        <v>35</v>
      </c>
      <c r="G9" s="6">
        <v>1</v>
      </c>
    </row>
    <row r="10" spans="2:7" x14ac:dyDescent="0.25">
      <c r="B10" s="15" t="s">
        <v>6</v>
      </c>
      <c r="C10" s="5" t="s">
        <v>44</v>
      </c>
      <c r="D10" s="20">
        <v>1.5</v>
      </c>
      <c r="E10" s="5" t="s">
        <v>31</v>
      </c>
      <c r="F10" s="5" t="s">
        <v>33</v>
      </c>
      <c r="G10" s="6">
        <v>1</v>
      </c>
    </row>
    <row r="11" spans="2:7" x14ac:dyDescent="0.25">
      <c r="B11" s="15" t="s">
        <v>13</v>
      </c>
      <c r="C11" s="5" t="s">
        <v>24</v>
      </c>
      <c r="D11" s="20">
        <v>1</v>
      </c>
      <c r="E11" s="5"/>
      <c r="F11" s="5"/>
      <c r="G11" s="10"/>
    </row>
    <row r="12" spans="2:7" x14ac:dyDescent="0.25">
      <c r="B12" s="15" t="s">
        <v>8</v>
      </c>
      <c r="C12" s="5" t="s">
        <v>25</v>
      </c>
      <c r="D12" s="20">
        <v>1</v>
      </c>
      <c r="E12" s="5"/>
      <c r="F12" s="5"/>
      <c r="G12" s="10"/>
    </row>
    <row r="13" spans="2:7" x14ac:dyDescent="0.25">
      <c r="B13" s="15" t="s">
        <v>14</v>
      </c>
      <c r="C13" s="5" t="s">
        <v>45</v>
      </c>
      <c r="D13" s="20">
        <v>1</v>
      </c>
      <c r="E13" s="5"/>
      <c r="F13" s="5"/>
      <c r="G13" s="10"/>
    </row>
    <row r="14" spans="2:7" x14ac:dyDescent="0.25">
      <c r="B14" s="15" t="s">
        <v>7</v>
      </c>
      <c r="C14" s="5" t="s">
        <v>46</v>
      </c>
      <c r="D14" s="20">
        <v>1</v>
      </c>
      <c r="E14" s="5"/>
      <c r="F14" s="5"/>
      <c r="G14" s="10"/>
    </row>
    <row r="15" spans="2:7" x14ac:dyDescent="0.25">
      <c r="B15" s="15" t="s">
        <v>26</v>
      </c>
      <c r="C15" s="5" t="s">
        <v>47</v>
      </c>
      <c r="D15" s="20">
        <v>1</v>
      </c>
      <c r="E15" s="5"/>
      <c r="F15" s="5"/>
      <c r="G15" s="10"/>
    </row>
    <row r="16" spans="2:7" x14ac:dyDescent="0.25">
      <c r="B16" s="15" t="s">
        <v>15</v>
      </c>
      <c r="C16" s="5" t="s">
        <v>29</v>
      </c>
      <c r="D16" s="20">
        <v>1</v>
      </c>
      <c r="E16" s="5"/>
      <c r="F16" s="5"/>
      <c r="G16" s="10"/>
    </row>
    <row r="17" spans="2:7" x14ac:dyDescent="0.25">
      <c r="B17" s="15" t="s">
        <v>16</v>
      </c>
      <c r="C17" s="5" t="s">
        <v>36</v>
      </c>
      <c r="D17" s="20">
        <v>1</v>
      </c>
      <c r="E17" s="5"/>
      <c r="F17" s="5"/>
      <c r="G17" s="10"/>
    </row>
    <row r="18" spans="2:7" x14ac:dyDescent="0.25">
      <c r="B18" s="15" t="s">
        <v>17</v>
      </c>
      <c r="C18" s="5" t="s">
        <v>28</v>
      </c>
      <c r="D18" s="20">
        <v>1</v>
      </c>
      <c r="E18" s="5"/>
      <c r="F18" s="5"/>
      <c r="G18" s="10"/>
    </row>
    <row r="19" spans="2:7" x14ac:dyDescent="0.25">
      <c r="B19" s="15" t="s">
        <v>18</v>
      </c>
      <c r="C19" s="5" t="s">
        <v>27</v>
      </c>
      <c r="D19" s="20">
        <v>1</v>
      </c>
      <c r="E19" s="5"/>
      <c r="F19" s="5"/>
      <c r="G19" s="10"/>
    </row>
    <row r="20" spans="2:7" x14ac:dyDescent="0.25">
      <c r="B20" s="15" t="s">
        <v>81</v>
      </c>
      <c r="C20" s="5" t="s">
        <v>82</v>
      </c>
      <c r="D20" s="20">
        <v>1.1000000000000001</v>
      </c>
      <c r="E20" s="5"/>
      <c r="F20" s="5"/>
      <c r="G20" s="10"/>
    </row>
    <row r="21" spans="2:7" x14ac:dyDescent="0.25">
      <c r="B21" s="1"/>
      <c r="C21" s="1"/>
      <c r="D21" s="21"/>
      <c r="E21" s="5"/>
      <c r="F21" s="5"/>
      <c r="G21" s="10"/>
    </row>
    <row r="22" spans="2:7" x14ac:dyDescent="0.25">
      <c r="D22" s="18"/>
      <c r="G22" s="7"/>
    </row>
    <row r="23" spans="2:7" x14ac:dyDescent="0.25">
      <c r="D23" s="18"/>
      <c r="G23" s="7"/>
    </row>
    <row r="24" spans="2:7" ht="75" x14ac:dyDescent="0.25">
      <c r="B24" s="3" t="s">
        <v>54</v>
      </c>
      <c r="C24" s="3"/>
      <c r="D24" s="2"/>
      <c r="G24" s="7"/>
    </row>
    <row r="25" spans="2:7" x14ac:dyDescent="0.25">
      <c r="D25" s="18"/>
      <c r="G25" s="7"/>
    </row>
    <row r="26" spans="2:7" x14ac:dyDescent="0.25">
      <c r="D26" s="18"/>
      <c r="G26" s="7"/>
    </row>
    <row r="27" spans="2:7" x14ac:dyDescent="0.25">
      <c r="D27" s="18"/>
      <c r="G27" s="7"/>
    </row>
    <row r="28" spans="2:7" x14ac:dyDescent="0.25">
      <c r="D28" s="18"/>
      <c r="G28" s="7"/>
    </row>
    <row r="29" spans="2:7" x14ac:dyDescent="0.25">
      <c r="D29" s="18"/>
      <c r="G29" s="7"/>
    </row>
    <row r="30" spans="2:7" x14ac:dyDescent="0.25">
      <c r="D30" s="18"/>
      <c r="G30" s="7"/>
    </row>
    <row r="31" spans="2:7" x14ac:dyDescent="0.25">
      <c r="D31" s="18"/>
      <c r="G31" s="7"/>
    </row>
    <row r="32" spans="2:7" x14ac:dyDescent="0.25">
      <c r="D32" s="18"/>
      <c r="G32" s="7"/>
    </row>
    <row r="33" spans="4:7" x14ac:dyDescent="0.25">
      <c r="D33" s="18"/>
      <c r="G33" s="7"/>
    </row>
    <row r="34" spans="4:7" x14ac:dyDescent="0.25">
      <c r="D34" s="18"/>
      <c r="G34" s="7"/>
    </row>
    <row r="35" spans="4:7" x14ac:dyDescent="0.25">
      <c r="D35" s="18"/>
      <c r="G35" s="7"/>
    </row>
    <row r="36" spans="4:7" x14ac:dyDescent="0.25">
      <c r="D36" s="18"/>
      <c r="G36" s="7"/>
    </row>
    <row r="37" spans="4:7" x14ac:dyDescent="0.25">
      <c r="D37" s="18"/>
      <c r="G37" s="7"/>
    </row>
    <row r="38" spans="4:7" x14ac:dyDescent="0.25">
      <c r="D38" s="18"/>
      <c r="G38" s="7"/>
    </row>
    <row r="39" spans="4:7" x14ac:dyDescent="0.25">
      <c r="D39" s="18"/>
      <c r="G39" s="7"/>
    </row>
    <row r="40" spans="4:7" x14ac:dyDescent="0.25">
      <c r="D40" s="18"/>
      <c r="G40" s="7"/>
    </row>
    <row r="41" spans="4:7" x14ac:dyDescent="0.25">
      <c r="D41" s="18"/>
      <c r="G41" s="7"/>
    </row>
    <row r="42" spans="4:7" x14ac:dyDescent="0.25">
      <c r="D42" s="18"/>
      <c r="G42" s="7"/>
    </row>
    <row r="43" spans="4:7" x14ac:dyDescent="0.25">
      <c r="D43" s="18"/>
      <c r="G43" s="7"/>
    </row>
    <row r="44" spans="4:7" x14ac:dyDescent="0.25">
      <c r="D44" s="18"/>
      <c r="G44" s="7"/>
    </row>
    <row r="45" spans="4:7" x14ac:dyDescent="0.25">
      <c r="D45" s="18"/>
      <c r="G45" s="7"/>
    </row>
    <row r="46" spans="4:7" x14ac:dyDescent="0.25">
      <c r="D46" s="18"/>
      <c r="G46" s="7"/>
    </row>
    <row r="47" spans="4:7" x14ac:dyDescent="0.25">
      <c r="D47" s="18"/>
      <c r="G47" s="7"/>
    </row>
    <row r="48" spans="4:7" x14ac:dyDescent="0.25">
      <c r="D48" s="18"/>
      <c r="G48" s="7"/>
    </row>
    <row r="49" spans="4:7" x14ac:dyDescent="0.25">
      <c r="D49" s="18"/>
      <c r="G49" s="7"/>
    </row>
    <row r="50" spans="4:7" x14ac:dyDescent="0.25">
      <c r="D50" s="18"/>
      <c r="G50" s="7"/>
    </row>
    <row r="51" spans="4:7" x14ac:dyDescent="0.25">
      <c r="D51" s="18"/>
      <c r="G51" s="7"/>
    </row>
    <row r="52" spans="4:7" x14ac:dyDescent="0.25">
      <c r="D52" s="18"/>
      <c r="G52" s="7"/>
    </row>
    <row r="53" spans="4:7" x14ac:dyDescent="0.25">
      <c r="D53" s="18"/>
      <c r="G53" s="7"/>
    </row>
    <row r="54" spans="4:7" x14ac:dyDescent="0.25">
      <c r="D54" s="18"/>
      <c r="G54" s="7"/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B1:G23"/>
  <sheetViews>
    <sheetView workbookViewId="0">
      <selection activeCell="B2" sqref="B2"/>
    </sheetView>
  </sheetViews>
  <sheetFormatPr defaultRowHeight="15" x14ac:dyDescent="0.25"/>
  <cols>
    <col min="2" max="2" width="29.140625" customWidth="1"/>
    <col min="3" max="3" width="28" customWidth="1"/>
    <col min="4" max="4" width="11.42578125" style="18" customWidth="1"/>
    <col min="5" max="5" width="27.7109375" bestFit="1" customWidth="1"/>
    <col min="6" max="6" width="27.7109375" customWidth="1"/>
    <col min="7" max="7" width="9.140625" style="7" bestFit="1" customWidth="1"/>
  </cols>
  <sheetData>
    <row r="1" spans="2:7" ht="15.75" thickBot="1" x14ac:dyDescent="0.3">
      <c r="B1" s="4"/>
      <c r="C1" s="4"/>
      <c r="E1" s="4"/>
      <c r="F1" s="4"/>
    </row>
    <row r="2" spans="2:7" ht="75.75" thickBot="1" x14ac:dyDescent="0.35">
      <c r="B2" s="11" t="s">
        <v>0</v>
      </c>
      <c r="C2" s="12" t="s">
        <v>19</v>
      </c>
      <c r="D2" s="19" t="s">
        <v>56</v>
      </c>
      <c r="E2" s="12" t="s">
        <v>1</v>
      </c>
      <c r="F2" s="12" t="s">
        <v>19</v>
      </c>
      <c r="G2" s="19" t="s">
        <v>56</v>
      </c>
    </row>
    <row r="3" spans="2:7" x14ac:dyDescent="0.25">
      <c r="B3" s="14" t="s">
        <v>9</v>
      </c>
      <c r="C3" s="13" t="s">
        <v>20</v>
      </c>
      <c r="D3" s="20">
        <v>1.3</v>
      </c>
      <c r="E3" s="13" t="s">
        <v>50</v>
      </c>
      <c r="F3" s="13" t="s">
        <v>37</v>
      </c>
      <c r="G3" s="8">
        <v>1.3</v>
      </c>
    </row>
    <row r="4" spans="2:7" x14ac:dyDescent="0.25">
      <c r="B4" s="15" t="s">
        <v>3</v>
      </c>
      <c r="C4" s="5" t="s">
        <v>21</v>
      </c>
      <c r="D4" s="20">
        <v>1.3</v>
      </c>
      <c r="E4" s="5" t="s">
        <v>51</v>
      </c>
      <c r="F4" s="5" t="s">
        <v>40</v>
      </c>
      <c r="G4" s="9">
        <v>1.1000000000000001</v>
      </c>
    </row>
    <row r="5" spans="2:7" x14ac:dyDescent="0.25">
      <c r="B5" s="15" t="s">
        <v>10</v>
      </c>
      <c r="C5" s="5" t="s">
        <v>22</v>
      </c>
      <c r="D5" s="20">
        <v>1.2</v>
      </c>
      <c r="E5" s="5" t="s">
        <v>52</v>
      </c>
      <c r="F5" s="5" t="s">
        <v>39</v>
      </c>
      <c r="G5" s="9">
        <v>1.4</v>
      </c>
    </row>
    <row r="6" spans="2:7" x14ac:dyDescent="0.25">
      <c r="B6" s="15" t="s">
        <v>5</v>
      </c>
      <c r="C6" s="5" t="s">
        <v>23</v>
      </c>
      <c r="D6" s="20">
        <v>1.2</v>
      </c>
      <c r="E6" s="5" t="s">
        <v>53</v>
      </c>
      <c r="F6" s="5" t="s">
        <v>38</v>
      </c>
      <c r="G6" s="9">
        <v>1</v>
      </c>
    </row>
    <row r="7" spans="2:7" x14ac:dyDescent="0.25">
      <c r="B7" s="15" t="s">
        <v>11</v>
      </c>
      <c r="C7" s="5" t="s">
        <v>41</v>
      </c>
      <c r="D7" s="20">
        <v>1</v>
      </c>
      <c r="E7" s="5" t="s">
        <v>49</v>
      </c>
      <c r="F7" s="5" t="s">
        <v>48</v>
      </c>
      <c r="G7" s="9">
        <v>1</v>
      </c>
    </row>
    <row r="8" spans="2:7" x14ac:dyDescent="0.25">
      <c r="B8" s="15" t="s">
        <v>4</v>
      </c>
      <c r="C8" s="5" t="s">
        <v>42</v>
      </c>
      <c r="D8" s="20">
        <v>1</v>
      </c>
      <c r="E8" s="5" t="s">
        <v>30</v>
      </c>
      <c r="F8" s="5" t="s">
        <v>32</v>
      </c>
      <c r="G8" s="6">
        <v>1</v>
      </c>
    </row>
    <row r="9" spans="2:7" x14ac:dyDescent="0.25">
      <c r="B9" s="15" t="s">
        <v>12</v>
      </c>
      <c r="C9" s="5" t="s">
        <v>43</v>
      </c>
      <c r="D9" s="20">
        <v>1.5</v>
      </c>
      <c r="E9" s="5" t="s">
        <v>34</v>
      </c>
      <c r="F9" s="5" t="s">
        <v>35</v>
      </c>
      <c r="G9" s="6">
        <v>1</v>
      </c>
    </row>
    <row r="10" spans="2:7" x14ac:dyDescent="0.25">
      <c r="B10" s="15" t="s">
        <v>6</v>
      </c>
      <c r="C10" s="5" t="s">
        <v>44</v>
      </c>
      <c r="D10" s="20">
        <v>1.5</v>
      </c>
      <c r="E10" s="5" t="s">
        <v>31</v>
      </c>
      <c r="F10" s="5" t="s">
        <v>33</v>
      </c>
      <c r="G10" s="6">
        <v>1</v>
      </c>
    </row>
    <row r="11" spans="2:7" x14ac:dyDescent="0.25">
      <c r="B11" s="15" t="s">
        <v>13</v>
      </c>
      <c r="C11" s="5" t="s">
        <v>24</v>
      </c>
      <c r="D11" s="20">
        <v>1</v>
      </c>
      <c r="E11" s="5"/>
      <c r="F11" s="5"/>
      <c r="G11" s="10"/>
    </row>
    <row r="12" spans="2:7" x14ac:dyDescent="0.25">
      <c r="B12" s="15" t="s">
        <v>8</v>
      </c>
      <c r="C12" s="5" t="s">
        <v>25</v>
      </c>
      <c r="D12" s="20">
        <v>1</v>
      </c>
      <c r="E12" s="5"/>
      <c r="F12" s="5"/>
      <c r="G12" s="10"/>
    </row>
    <row r="13" spans="2:7" x14ac:dyDescent="0.25">
      <c r="B13" s="15" t="s">
        <v>14</v>
      </c>
      <c r="C13" s="5" t="s">
        <v>45</v>
      </c>
      <c r="D13" s="20">
        <v>1</v>
      </c>
      <c r="E13" s="5"/>
      <c r="F13" s="5"/>
      <c r="G13" s="10"/>
    </row>
    <row r="14" spans="2:7" x14ac:dyDescent="0.25">
      <c r="B14" s="15" t="s">
        <v>7</v>
      </c>
      <c r="C14" s="5" t="s">
        <v>46</v>
      </c>
      <c r="D14" s="20">
        <v>1</v>
      </c>
      <c r="E14" s="5"/>
      <c r="F14" s="5"/>
      <c r="G14" s="10"/>
    </row>
    <row r="15" spans="2:7" x14ac:dyDescent="0.25">
      <c r="B15" s="15" t="s">
        <v>26</v>
      </c>
      <c r="C15" s="5" t="s">
        <v>47</v>
      </c>
      <c r="D15" s="20">
        <v>1</v>
      </c>
      <c r="E15" s="5"/>
      <c r="F15" s="5"/>
      <c r="G15" s="10"/>
    </row>
    <row r="16" spans="2:7" x14ac:dyDescent="0.25">
      <c r="B16" s="15" t="s">
        <v>15</v>
      </c>
      <c r="C16" s="5" t="s">
        <v>29</v>
      </c>
      <c r="D16" s="20">
        <v>1</v>
      </c>
      <c r="E16" s="5"/>
      <c r="F16" s="5"/>
      <c r="G16" s="10"/>
    </row>
    <row r="17" spans="2:7" x14ac:dyDescent="0.25">
      <c r="B17" s="15" t="s">
        <v>16</v>
      </c>
      <c r="C17" s="5" t="s">
        <v>36</v>
      </c>
      <c r="D17" s="20">
        <v>1</v>
      </c>
      <c r="E17" s="5"/>
      <c r="F17" s="5"/>
      <c r="G17" s="10"/>
    </row>
    <row r="18" spans="2:7" x14ac:dyDescent="0.25">
      <c r="B18" s="15" t="s">
        <v>17</v>
      </c>
      <c r="C18" s="5" t="s">
        <v>28</v>
      </c>
      <c r="D18" s="20">
        <v>1</v>
      </c>
      <c r="E18" s="5"/>
      <c r="F18" s="5"/>
      <c r="G18" s="10"/>
    </row>
    <row r="19" spans="2:7" x14ac:dyDescent="0.25">
      <c r="B19" s="15" t="s">
        <v>18</v>
      </c>
      <c r="C19" s="5" t="s">
        <v>27</v>
      </c>
      <c r="D19" s="20">
        <v>1</v>
      </c>
      <c r="E19" s="5"/>
      <c r="F19" s="5"/>
      <c r="G19" s="10"/>
    </row>
    <row r="20" spans="2:7" x14ac:dyDescent="0.25">
      <c r="B20" s="1"/>
      <c r="C20" s="1"/>
      <c r="D20" s="21"/>
      <c r="E20" s="5"/>
      <c r="F20" s="5"/>
      <c r="G20" s="10"/>
    </row>
    <row r="23" spans="2:7" ht="78" customHeight="1" x14ac:dyDescent="0.25">
      <c r="B23" s="3" t="s">
        <v>54</v>
      </c>
      <c r="C23" s="3"/>
      <c r="D23" s="2"/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Modules Change Log</vt:lpstr>
      <vt:lpstr>Rel 5.2 Modules Information</vt:lpstr>
      <vt:lpstr>Rel 5.1 Modules Information</vt:lpstr>
      <vt:lpstr>Rel 5.0 Modules Informatio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tmel</dc:creator>
  <cp:lastModifiedBy>Kamalakannan Manivasagam - I41681</cp:lastModifiedBy>
  <dcterms:created xsi:type="dcterms:W3CDTF">2017-11-27T04:59:49Z</dcterms:created>
  <dcterms:modified xsi:type="dcterms:W3CDTF">2018-08-31T09:05:28Z</dcterms:modified>
</cp:coreProperties>
</file>